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0" yWindow="0" windowWidth="20496" windowHeight="6780"/>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8</definedName>
  </definedNames>
  <calcPr calcId="152511"/>
</workbook>
</file>

<file path=xl/sharedStrings.xml><?xml version="1.0" encoding="utf-8"?>
<sst xmlns="http://schemas.openxmlformats.org/spreadsheetml/2006/main" count="1182" uniqueCount="897">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029</t>
    <phoneticPr fontId="1"/>
  </si>
  <si>
    <t>生徒の視野が広がると同時に教養を深めてくれること、読書の世界で生徒の想像力や思考力が高まることを期待して、さまざまな分野の本を推薦しています。</t>
    <phoneticPr fontId="1"/>
  </si>
  <si>
    <t>高校生が感動した「論語」</t>
    <rPh sb="0" eb="3">
      <t>コウコウセイ</t>
    </rPh>
    <rPh sb="4" eb="6">
      <t>カンドウ</t>
    </rPh>
    <rPh sb="9" eb="11">
      <t>ロンゴ</t>
    </rPh>
    <phoneticPr fontId="1"/>
  </si>
  <si>
    <t>佐久　協</t>
    <rPh sb="0" eb="2">
      <t>サク</t>
    </rPh>
    <rPh sb="3" eb="4">
      <t>キョウ</t>
    </rPh>
    <phoneticPr fontId="1"/>
  </si>
  <si>
    <t>祥伝社（祥伝社新書）</t>
    <rPh sb="0" eb="3">
      <t>ショウデンシャ</t>
    </rPh>
    <rPh sb="4" eb="7">
      <t>ショウデンシャ</t>
    </rPh>
    <rPh sb="7" eb="9">
      <t>シンショ</t>
    </rPh>
    <phoneticPr fontId="1"/>
  </si>
  <si>
    <t>手の倫理</t>
    <rPh sb="0" eb="1">
      <t>テ</t>
    </rPh>
    <rPh sb="2" eb="4">
      <t>リンリ</t>
    </rPh>
    <phoneticPr fontId="1"/>
  </si>
  <si>
    <t>伊藤　亜紗</t>
    <rPh sb="0" eb="2">
      <t>イトウ</t>
    </rPh>
    <rPh sb="3" eb="4">
      <t>ア</t>
    </rPh>
    <rPh sb="4" eb="5">
      <t>サ</t>
    </rPh>
    <phoneticPr fontId="1"/>
  </si>
  <si>
    <t>講談社</t>
    <rPh sb="0" eb="3">
      <t>コウダンシャ</t>
    </rPh>
    <phoneticPr fontId="1"/>
  </si>
  <si>
    <t>崎山理史、松野陽一郎</t>
    <rPh sb="0" eb="2">
      <t>サキヤマ</t>
    </rPh>
    <rPh sb="2" eb="4">
      <t>サトシ</t>
    </rPh>
    <rPh sb="5" eb="7">
      <t>マツノ</t>
    </rPh>
    <rPh sb="7" eb="10">
      <t>ヨウイチロウ</t>
    </rPh>
    <phoneticPr fontId="1"/>
  </si>
  <si>
    <t>旺文社</t>
    <rPh sb="0" eb="3">
      <t>オウブンシャ</t>
    </rPh>
    <phoneticPr fontId="1"/>
  </si>
  <si>
    <t>皆さんの解答は゛採点者”を意識して作っていますか？この本は「読み手が読みやすい解答」を作る手助けをしてくれる一冊です。</t>
    <rPh sb="0" eb="1">
      <t>ミナ</t>
    </rPh>
    <rPh sb="4" eb="6">
      <t>カイトウ</t>
    </rPh>
    <rPh sb="8" eb="10">
      <t>サイテン</t>
    </rPh>
    <rPh sb="10" eb="11">
      <t>シャ</t>
    </rPh>
    <rPh sb="13" eb="15">
      <t>イシキ</t>
    </rPh>
    <rPh sb="17" eb="18">
      <t>ツク</t>
    </rPh>
    <rPh sb="27" eb="28">
      <t>ホン</t>
    </rPh>
    <rPh sb="30" eb="31">
      <t>ヨ</t>
    </rPh>
    <rPh sb="32" eb="33">
      <t>テ</t>
    </rPh>
    <rPh sb="34" eb="35">
      <t>ヨ</t>
    </rPh>
    <rPh sb="39" eb="41">
      <t>カイトウ</t>
    </rPh>
    <rPh sb="43" eb="44">
      <t>ツク</t>
    </rPh>
    <rPh sb="45" eb="46">
      <t>テ</t>
    </rPh>
    <rPh sb="46" eb="47">
      <t>ダス</t>
    </rPh>
    <rPh sb="54" eb="56">
      <t>イッサツ</t>
    </rPh>
    <phoneticPr fontId="1"/>
  </si>
  <si>
    <t>こども六法</t>
    <rPh sb="3" eb="5">
      <t>ロッポウ</t>
    </rPh>
    <phoneticPr fontId="1"/>
  </si>
  <si>
    <t>山崎　聡一郎</t>
    <rPh sb="0" eb="2">
      <t>ヤマザキ</t>
    </rPh>
    <rPh sb="3" eb="6">
      <t>ソウイチロウ</t>
    </rPh>
    <phoneticPr fontId="1"/>
  </si>
  <si>
    <t>弘文堂</t>
    <rPh sb="0" eb="2">
      <t>コウブン</t>
    </rPh>
    <rPh sb="2" eb="3">
      <t>ドウ</t>
    </rPh>
    <phoneticPr fontId="1"/>
  </si>
  <si>
    <t>007</t>
    <phoneticPr fontId="1"/>
  </si>
  <si>
    <t>人工知能は人間を超えるか</t>
    <rPh sb="0" eb="2">
      <t>ジンコウ</t>
    </rPh>
    <rPh sb="2" eb="4">
      <t>チノウ</t>
    </rPh>
    <rPh sb="5" eb="7">
      <t>ニンゲン</t>
    </rPh>
    <rPh sb="8" eb="9">
      <t>コ</t>
    </rPh>
    <phoneticPr fontId="1"/>
  </si>
  <si>
    <t>松尾豊</t>
    <rPh sb="0" eb="2">
      <t>マツオ</t>
    </rPh>
    <rPh sb="2" eb="3">
      <t>ユタカ</t>
    </rPh>
    <phoneticPr fontId="1"/>
  </si>
  <si>
    <t>ＫＡＤＯＫＡＷＡ（角川ＥＰＵＢ選書）</t>
    <rPh sb="9" eb="11">
      <t>カドカワ</t>
    </rPh>
    <rPh sb="15" eb="17">
      <t>センショ</t>
    </rPh>
    <phoneticPr fontId="1"/>
  </si>
  <si>
    <t>410</t>
    <phoneticPr fontId="1"/>
  </si>
  <si>
    <t>天才の栄光と挫折</t>
    <rPh sb="0" eb="2">
      <t>テンサイ</t>
    </rPh>
    <rPh sb="3" eb="5">
      <t>エイコウ</t>
    </rPh>
    <rPh sb="6" eb="8">
      <t>ザセツ</t>
    </rPh>
    <phoneticPr fontId="1"/>
  </si>
  <si>
    <t>藤原正彦</t>
    <rPh sb="0" eb="2">
      <t>フジワラ</t>
    </rPh>
    <rPh sb="2" eb="4">
      <t>マサヒコ</t>
    </rPh>
    <phoneticPr fontId="1"/>
  </si>
  <si>
    <t>文藝春秋（文春文庫）</t>
    <rPh sb="0" eb="2">
      <t>ブンゲイ</t>
    </rPh>
    <rPh sb="2" eb="4">
      <t>シュンジュウ</t>
    </rPh>
    <rPh sb="5" eb="7">
      <t>ブンシュン</t>
    </rPh>
    <rPh sb="7" eb="9">
      <t>ブンコ</t>
    </rPh>
    <phoneticPr fontId="1"/>
  </si>
  <si>
    <t>726</t>
    <phoneticPr fontId="1"/>
  </si>
  <si>
    <t>あるかしら書店</t>
    <rPh sb="5" eb="7">
      <t>ショテン</t>
    </rPh>
    <phoneticPr fontId="1"/>
  </si>
  <si>
    <t>ヨシタケシンスケ</t>
    <phoneticPr fontId="1"/>
  </si>
  <si>
    <t>ポプラ社</t>
    <rPh sb="3" eb="4">
      <t>シャ</t>
    </rPh>
    <phoneticPr fontId="1"/>
  </si>
  <si>
    <t>159</t>
    <phoneticPr fontId="1"/>
  </si>
  <si>
    <t>内向型を強みにする</t>
    <rPh sb="0" eb="3">
      <t>ナイコウガタ</t>
    </rPh>
    <rPh sb="4" eb="5">
      <t>ツヨ</t>
    </rPh>
    <phoneticPr fontId="1"/>
  </si>
  <si>
    <t>マーティ・Ｏ・レイニー</t>
    <phoneticPr fontId="1"/>
  </si>
  <si>
    <t>パンローリング</t>
    <phoneticPr fontId="1"/>
  </si>
  <si>
    <t>319</t>
    <phoneticPr fontId="1"/>
  </si>
  <si>
    <t>反日種族主義</t>
    <rPh sb="0" eb="2">
      <t>ハンニチ</t>
    </rPh>
    <rPh sb="2" eb="4">
      <t>シュゾク</t>
    </rPh>
    <rPh sb="4" eb="6">
      <t>シュギ</t>
    </rPh>
    <phoneticPr fontId="1"/>
  </si>
  <si>
    <t>李栄薫編著</t>
    <rPh sb="0" eb="1">
      <t>リ</t>
    </rPh>
    <rPh sb="1" eb="2">
      <t>サカエ</t>
    </rPh>
    <rPh sb="2" eb="3">
      <t>カオル</t>
    </rPh>
    <rPh sb="3" eb="5">
      <t>ヘンチョ</t>
    </rPh>
    <phoneticPr fontId="1"/>
  </si>
  <si>
    <t>文藝春秋</t>
    <rPh sb="0" eb="2">
      <t>ブンゲイ</t>
    </rPh>
    <rPh sb="2" eb="4">
      <t>シュンジュウ</t>
    </rPh>
    <phoneticPr fontId="1"/>
  </si>
  <si>
    <t>371</t>
    <phoneticPr fontId="1"/>
  </si>
  <si>
    <t>「死ぬんじゃねーぞ！！」</t>
    <rPh sb="1" eb="2">
      <t>シ</t>
    </rPh>
    <phoneticPr fontId="1"/>
  </si>
  <si>
    <t>中川翔子</t>
    <rPh sb="0" eb="2">
      <t>ナカガワ</t>
    </rPh>
    <rPh sb="2" eb="4">
      <t>ショウコ</t>
    </rPh>
    <phoneticPr fontId="1"/>
  </si>
  <si>
    <t>老人ホームに恋してる。</t>
    <rPh sb="0" eb="2">
      <t>ロウジン</t>
    </rPh>
    <rPh sb="6" eb="7">
      <t>コイ</t>
    </rPh>
    <phoneticPr fontId="1"/>
  </si>
  <si>
    <t>大塚紗瑛</t>
    <rPh sb="0" eb="2">
      <t>オオツカ</t>
    </rPh>
    <rPh sb="2" eb="4">
      <t>サエ</t>
    </rPh>
    <phoneticPr fontId="1"/>
  </si>
  <si>
    <t>祥伝社</t>
    <rPh sb="0" eb="3">
      <t>ショウデンシャ</t>
    </rPh>
    <phoneticPr fontId="1"/>
  </si>
  <si>
    <t>芸術系大学を卒業した著者が就職したのは、特別養護老人ホームの介護職。入所者と著者の日常のやりとりが絵日記になっています。介護職に興味がある人、高齢になるってどういうことか気になる人にもおすすめです。</t>
    <rPh sb="0" eb="2">
      <t>ゲイジュツ</t>
    </rPh>
    <rPh sb="2" eb="3">
      <t>ケイ</t>
    </rPh>
    <rPh sb="3" eb="5">
      <t>ダイガク</t>
    </rPh>
    <rPh sb="6" eb="8">
      <t>ソツギョウ</t>
    </rPh>
    <rPh sb="10" eb="12">
      <t>チョシャ</t>
    </rPh>
    <rPh sb="13" eb="15">
      <t>シュウショク</t>
    </rPh>
    <rPh sb="20" eb="22">
      <t>トクベツ</t>
    </rPh>
    <rPh sb="22" eb="24">
      <t>ヨウゴ</t>
    </rPh>
    <rPh sb="24" eb="26">
      <t>ロウジン</t>
    </rPh>
    <rPh sb="30" eb="32">
      <t>カイゴ</t>
    </rPh>
    <rPh sb="32" eb="33">
      <t>ショク</t>
    </rPh>
    <rPh sb="34" eb="37">
      <t>ニュウショシャ</t>
    </rPh>
    <rPh sb="38" eb="40">
      <t>チョシャ</t>
    </rPh>
    <rPh sb="41" eb="43">
      <t>ニチジョウ</t>
    </rPh>
    <rPh sb="49" eb="52">
      <t>エニッキ</t>
    </rPh>
    <rPh sb="60" eb="62">
      <t>カイゴ</t>
    </rPh>
    <rPh sb="62" eb="63">
      <t>ショク</t>
    </rPh>
    <rPh sb="64" eb="66">
      <t>キョウミ</t>
    </rPh>
    <rPh sb="69" eb="70">
      <t>ヒト</t>
    </rPh>
    <rPh sb="71" eb="73">
      <t>コウレイ</t>
    </rPh>
    <rPh sb="85" eb="86">
      <t>キ</t>
    </rPh>
    <rPh sb="89" eb="90">
      <t>ヒト</t>
    </rPh>
    <phoneticPr fontId="1"/>
  </si>
  <si>
    <t>いまはそれアウトです！</t>
    <phoneticPr fontId="1"/>
  </si>
  <si>
    <t>菊間千乃</t>
    <rPh sb="0" eb="2">
      <t>キクマ</t>
    </rPh>
    <rPh sb="2" eb="4">
      <t>ユキノ</t>
    </rPh>
    <phoneticPr fontId="1"/>
  </si>
  <si>
    <t>アスコム</t>
    <phoneticPr fontId="1"/>
  </si>
  <si>
    <t>友達と一緒に写った写真を無断でSNSにアップしたら肖像権侵害、一人が並んだ行列に後から友達が合流したら軽犯罪法になります。うっかりやっていることはありませんか？あなたを守るためにも社会のルールを確認しておきましょう。</t>
    <rPh sb="0" eb="1">
      <t>トモ</t>
    </rPh>
    <rPh sb="1" eb="2">
      <t>タチ</t>
    </rPh>
    <rPh sb="3" eb="5">
      <t>イッショ</t>
    </rPh>
    <rPh sb="6" eb="7">
      <t>ウツ</t>
    </rPh>
    <rPh sb="9" eb="11">
      <t>シャシン</t>
    </rPh>
    <rPh sb="12" eb="14">
      <t>ムダン</t>
    </rPh>
    <rPh sb="25" eb="27">
      <t>ショウゾウ</t>
    </rPh>
    <rPh sb="27" eb="28">
      <t>ケン</t>
    </rPh>
    <rPh sb="28" eb="30">
      <t>シンガイ</t>
    </rPh>
    <rPh sb="31" eb="33">
      <t>ヒトリ</t>
    </rPh>
    <rPh sb="34" eb="35">
      <t>ナラ</t>
    </rPh>
    <rPh sb="37" eb="39">
      <t>ギョウレツ</t>
    </rPh>
    <rPh sb="40" eb="41">
      <t>アト</t>
    </rPh>
    <rPh sb="43" eb="45">
      <t>トモダチ</t>
    </rPh>
    <rPh sb="46" eb="48">
      <t>ゴウリュウ</t>
    </rPh>
    <rPh sb="51" eb="55">
      <t>ケイハンザイホウ</t>
    </rPh>
    <rPh sb="84" eb="85">
      <t>マモ</t>
    </rPh>
    <rPh sb="90" eb="92">
      <t>シャカイ</t>
    </rPh>
    <rPh sb="97" eb="99">
      <t>カクニン</t>
    </rPh>
    <phoneticPr fontId="1"/>
  </si>
  <si>
    <t>カカ・ムラド～ナカムラのおじさん</t>
    <phoneticPr fontId="1"/>
  </si>
  <si>
    <t>ガフワラ原作、さだまさし〔ほか〕訳・文</t>
    <rPh sb="4" eb="6">
      <t>ゲンサク</t>
    </rPh>
    <rPh sb="16" eb="17">
      <t>ヤク</t>
    </rPh>
    <rPh sb="18" eb="19">
      <t>ブン</t>
    </rPh>
    <phoneticPr fontId="1"/>
  </si>
  <si>
    <t>双葉社</t>
    <rPh sb="0" eb="2">
      <t>フタバ</t>
    </rPh>
    <rPh sb="2" eb="3">
      <t>シャ</t>
    </rPh>
    <phoneticPr fontId="1"/>
  </si>
  <si>
    <t>2019年に支援先のアフガニスタンで銃で撃たれて亡くなった中村哲医師。アフガニスタンで出版された絵本2冊をまとめたこの本で大勢の人が救われた中村医師の功績を知ってください。</t>
    <rPh sb="4" eb="5">
      <t>ネン</t>
    </rPh>
    <rPh sb="6" eb="8">
      <t>シエン</t>
    </rPh>
    <rPh sb="8" eb="9">
      <t>サキ</t>
    </rPh>
    <rPh sb="18" eb="19">
      <t>ジュウ</t>
    </rPh>
    <rPh sb="20" eb="21">
      <t>ウ</t>
    </rPh>
    <rPh sb="24" eb="25">
      <t>ナ</t>
    </rPh>
    <rPh sb="29" eb="31">
      <t>ナカムラ</t>
    </rPh>
    <rPh sb="31" eb="32">
      <t>テツ</t>
    </rPh>
    <rPh sb="32" eb="34">
      <t>イシ</t>
    </rPh>
    <rPh sb="43" eb="45">
      <t>シュッパン</t>
    </rPh>
    <rPh sb="48" eb="50">
      <t>エホン</t>
    </rPh>
    <rPh sb="51" eb="52">
      <t>サツ</t>
    </rPh>
    <rPh sb="59" eb="60">
      <t>ホン</t>
    </rPh>
    <rPh sb="61" eb="63">
      <t>オオゼイ</t>
    </rPh>
    <rPh sb="64" eb="65">
      <t>ヒト</t>
    </rPh>
    <rPh sb="66" eb="67">
      <t>スク</t>
    </rPh>
    <rPh sb="70" eb="72">
      <t>ナカムラ</t>
    </rPh>
    <rPh sb="72" eb="74">
      <t>イシ</t>
    </rPh>
    <rPh sb="75" eb="77">
      <t>コウセキ</t>
    </rPh>
    <rPh sb="78" eb="79">
      <t>シ</t>
    </rPh>
    <phoneticPr fontId="1"/>
  </si>
  <si>
    <t>生理ちゃん</t>
    <rPh sb="0" eb="2">
      <t>セイリ</t>
    </rPh>
    <phoneticPr fontId="1"/>
  </si>
  <si>
    <t>小山健</t>
    <rPh sb="0" eb="2">
      <t>コヤマ</t>
    </rPh>
    <rPh sb="2" eb="3">
      <t>ケン</t>
    </rPh>
    <phoneticPr fontId="1"/>
  </si>
  <si>
    <t>ＫＡＤＯＫＡＷＡ</t>
    <phoneticPr fontId="1"/>
  </si>
  <si>
    <t>定期的にやってきて容赦なく女性を痛めつける生理ちゃん。男性の性欲くんも登場します。お互いを理解するためにも女子にも男子にも読んでおいてほしいマンガです。</t>
    <rPh sb="0" eb="3">
      <t>テイキテキ</t>
    </rPh>
    <rPh sb="9" eb="11">
      <t>ヨウシャ</t>
    </rPh>
    <rPh sb="13" eb="15">
      <t>ジョセイ</t>
    </rPh>
    <rPh sb="16" eb="17">
      <t>イタ</t>
    </rPh>
    <rPh sb="21" eb="23">
      <t>セイリ</t>
    </rPh>
    <rPh sb="27" eb="29">
      <t>ダンセイ</t>
    </rPh>
    <rPh sb="30" eb="32">
      <t>セイヨク</t>
    </rPh>
    <rPh sb="35" eb="37">
      <t>トウジョウ</t>
    </rPh>
    <rPh sb="42" eb="43">
      <t>タガ</t>
    </rPh>
    <rPh sb="45" eb="47">
      <t>リカイ</t>
    </rPh>
    <rPh sb="53" eb="55">
      <t>ジョシ</t>
    </rPh>
    <rPh sb="57" eb="59">
      <t>ダンシ</t>
    </rPh>
    <rPh sb="61" eb="62">
      <t>ヨ</t>
    </rPh>
    <phoneticPr fontId="1"/>
  </si>
  <si>
    <t>５分で論理的思考力ドリル</t>
    <rPh sb="1" eb="2">
      <t>フン</t>
    </rPh>
    <rPh sb="3" eb="6">
      <t>ロンリテキ</t>
    </rPh>
    <rPh sb="6" eb="9">
      <t>シコウリョク</t>
    </rPh>
    <phoneticPr fontId="1"/>
  </si>
  <si>
    <t>ソニー・グローバルエデュケーション</t>
    <phoneticPr fontId="1"/>
  </si>
  <si>
    <t>学研プラス</t>
    <rPh sb="0" eb="2">
      <t>ガッケン</t>
    </rPh>
    <phoneticPr fontId="1"/>
  </si>
  <si>
    <t>考えることは楽しいです。思わず考えたくなってしまう面白い問題がたくさん載っています。遊びながら思考力を鍛えてください。</t>
    <rPh sb="0" eb="1">
      <t>カンガ</t>
    </rPh>
    <rPh sb="6" eb="7">
      <t>タノ</t>
    </rPh>
    <rPh sb="12" eb="13">
      <t>オモ</t>
    </rPh>
    <rPh sb="15" eb="16">
      <t>カンガ</t>
    </rPh>
    <rPh sb="25" eb="27">
      <t>オモシロ</t>
    </rPh>
    <rPh sb="28" eb="30">
      <t>モンダイ</t>
    </rPh>
    <rPh sb="35" eb="36">
      <t>ノ</t>
    </rPh>
    <rPh sb="42" eb="43">
      <t>アソ</t>
    </rPh>
    <rPh sb="47" eb="50">
      <t>シコウリョク</t>
    </rPh>
    <rPh sb="51" eb="52">
      <t>キタ</t>
    </rPh>
    <phoneticPr fontId="1"/>
  </si>
  <si>
    <t>みえるとかみえないとか</t>
    <phoneticPr fontId="1"/>
  </si>
  <si>
    <t>ヨシタケシンスケ、伊藤亜紗</t>
    <rPh sb="9" eb="11">
      <t>イトウ</t>
    </rPh>
    <rPh sb="11" eb="13">
      <t>アサ</t>
    </rPh>
    <phoneticPr fontId="1"/>
  </si>
  <si>
    <t>アリス館</t>
    <rPh sb="3" eb="4">
      <t>カン</t>
    </rPh>
    <phoneticPr fontId="1"/>
  </si>
  <si>
    <t>リアル人生ゲーム完全攻略本</t>
    <phoneticPr fontId="1"/>
  </si>
  <si>
    <t>架神恭介、至堂流星</t>
    <phoneticPr fontId="1"/>
  </si>
  <si>
    <t>筑摩書房（ちくまプリマー新書）</t>
    <phoneticPr fontId="1"/>
  </si>
  <si>
    <t>昔話法廷</t>
    <rPh sb="0" eb="2">
      <t>ムカシバナシ</t>
    </rPh>
    <rPh sb="2" eb="4">
      <t>ホウテイ</t>
    </rPh>
    <phoneticPr fontId="1"/>
  </si>
  <si>
    <t>NHK　Eテレ「昔話法廷」制作版編　今井雅子原作</t>
    <rPh sb="8" eb="10">
      <t>ムカシバナシ</t>
    </rPh>
    <rPh sb="10" eb="12">
      <t>ホウテイ</t>
    </rPh>
    <rPh sb="13" eb="15">
      <t>セイサク</t>
    </rPh>
    <rPh sb="15" eb="16">
      <t>ハン</t>
    </rPh>
    <rPh sb="16" eb="17">
      <t>ヘン</t>
    </rPh>
    <rPh sb="18" eb="20">
      <t>イマイ</t>
    </rPh>
    <rPh sb="20" eb="22">
      <t>マサコ</t>
    </rPh>
    <rPh sb="22" eb="24">
      <t>ゲンサク</t>
    </rPh>
    <phoneticPr fontId="1"/>
  </si>
  <si>
    <t>金の星社</t>
    <rPh sb="0" eb="1">
      <t>キン</t>
    </rPh>
    <rPh sb="2" eb="4">
      <t>ホシシャ</t>
    </rPh>
    <phoneticPr fontId="1"/>
  </si>
  <si>
    <t>昔話の登場人物たちを現代の法律で裁くとどうなるでしょう？あなたも裁判員に選ばれたらどうするか考えながら読んでみてください。</t>
    <rPh sb="0" eb="2">
      <t>ムカシバナシ</t>
    </rPh>
    <rPh sb="3" eb="5">
      <t>トウジョウ</t>
    </rPh>
    <rPh sb="5" eb="7">
      <t>ジンブツ</t>
    </rPh>
    <rPh sb="10" eb="12">
      <t>ゲンダイ</t>
    </rPh>
    <rPh sb="13" eb="15">
      <t>ホウリツ</t>
    </rPh>
    <rPh sb="16" eb="17">
      <t>サバ</t>
    </rPh>
    <rPh sb="32" eb="35">
      <t>サイバンイン</t>
    </rPh>
    <rPh sb="36" eb="37">
      <t>エラ</t>
    </rPh>
    <rPh sb="46" eb="47">
      <t>カンガ</t>
    </rPh>
    <rPh sb="51" eb="52">
      <t>ヨ</t>
    </rPh>
    <phoneticPr fontId="1"/>
  </si>
  <si>
    <t>古生物のサイズが実感できる！リアルサイズ古生物図鑑　中生代編</t>
    <rPh sb="0" eb="3">
      <t>コセイブツ</t>
    </rPh>
    <rPh sb="8" eb="10">
      <t>ジッカン</t>
    </rPh>
    <rPh sb="20" eb="23">
      <t>コセイブツ</t>
    </rPh>
    <rPh sb="23" eb="25">
      <t>ズカン</t>
    </rPh>
    <rPh sb="26" eb="29">
      <t>チュウセイダイ</t>
    </rPh>
    <rPh sb="29" eb="30">
      <t>ヘン</t>
    </rPh>
    <phoneticPr fontId="1"/>
  </si>
  <si>
    <t>土屋健</t>
    <rPh sb="0" eb="2">
      <t>ツチヤ</t>
    </rPh>
    <rPh sb="2" eb="3">
      <t>ケン</t>
    </rPh>
    <phoneticPr fontId="1"/>
  </si>
  <si>
    <t>技術評論社</t>
    <rPh sb="0" eb="2">
      <t>ギジュツ</t>
    </rPh>
    <rPh sb="2" eb="4">
      <t>ヒョウロン</t>
    </rPh>
    <rPh sb="4" eb="5">
      <t>シャ</t>
    </rPh>
    <phoneticPr fontId="1"/>
  </si>
  <si>
    <t>恐竜時代の生物が現代にいたらどのような感じかサイズがイメージできる図鑑。プールで人間と一緒に泳いでいたり学校に通学していたりしています。</t>
    <rPh sb="0" eb="2">
      <t>キョウリュウ</t>
    </rPh>
    <rPh sb="2" eb="4">
      <t>ジダイ</t>
    </rPh>
    <rPh sb="5" eb="7">
      <t>セイブツ</t>
    </rPh>
    <rPh sb="8" eb="10">
      <t>ゲンダイ</t>
    </rPh>
    <rPh sb="19" eb="20">
      <t>カン</t>
    </rPh>
    <rPh sb="33" eb="35">
      <t>ズカン</t>
    </rPh>
    <rPh sb="40" eb="42">
      <t>ニンゲン</t>
    </rPh>
    <rPh sb="43" eb="45">
      <t>イッショ</t>
    </rPh>
    <rPh sb="46" eb="47">
      <t>オヨ</t>
    </rPh>
    <rPh sb="52" eb="54">
      <t>ガッコウ</t>
    </rPh>
    <rPh sb="55" eb="57">
      <t>ツウガク</t>
    </rPh>
    <phoneticPr fontId="1"/>
  </si>
  <si>
    <t>恋は雨上がりのように（全10巻）</t>
    <phoneticPr fontId="1"/>
  </si>
  <si>
    <t>眉月じゅん</t>
    <phoneticPr fontId="1"/>
  </si>
  <si>
    <t>小学館</t>
    <phoneticPr fontId="1"/>
  </si>
  <si>
    <t>高等学校</t>
    <rPh sb="0" eb="2">
      <t>コウトウ</t>
    </rPh>
    <rPh sb="2" eb="4">
      <t>ガッコウ</t>
    </rPh>
    <phoneticPr fontId="1"/>
  </si>
  <si>
    <t>目の見えない人ってどんな感じ？ヨシタケさんのかわいい絵で感じ方の違いを体験してみましょう。世の中には、あなたとやることや考え方が違う人もいますが、違うところを怖がったり嫌うのではなく、お互いに面白いと思えるといいね。</t>
    <rPh sb="28" eb="29">
      <t>カン</t>
    </rPh>
    <rPh sb="30" eb="31">
      <t>カタ</t>
    </rPh>
    <rPh sb="32" eb="33">
      <t>チガ</t>
    </rPh>
    <rPh sb="35" eb="37">
      <t>タイケン</t>
    </rPh>
    <rPh sb="47" eb="48">
      <t>ナカ</t>
    </rPh>
    <rPh sb="60" eb="61">
      <t>カンガ</t>
    </rPh>
    <rPh sb="62" eb="63">
      <t>カタ</t>
    </rPh>
    <rPh sb="64" eb="65">
      <t>チガ</t>
    </rPh>
    <rPh sb="66" eb="67">
      <t>ヒト</t>
    </rPh>
    <rPh sb="73" eb="74">
      <t>チガ</t>
    </rPh>
    <rPh sb="79" eb="80">
      <t>コワ</t>
    </rPh>
    <rPh sb="84" eb="85">
      <t>キラ</t>
    </rPh>
    <rPh sb="93" eb="94">
      <t>タガ</t>
    </rPh>
    <rPh sb="96" eb="98">
      <t>オモシロ</t>
    </rPh>
    <rPh sb="100" eb="101">
      <t>オモ</t>
    </rPh>
    <phoneticPr fontId="1"/>
  </si>
  <si>
    <t>726</t>
    <phoneticPr fontId="1"/>
  </si>
  <si>
    <t>457</t>
    <phoneticPr fontId="1"/>
  </si>
  <si>
    <t>913</t>
    <phoneticPr fontId="1"/>
  </si>
  <si>
    <t>159</t>
    <phoneticPr fontId="1"/>
  </si>
  <si>
    <t>320</t>
    <phoneticPr fontId="1"/>
  </si>
  <si>
    <t>289</t>
    <phoneticPr fontId="1"/>
  </si>
  <si>
    <t>410</t>
    <phoneticPr fontId="1"/>
  </si>
  <si>
    <t>369</t>
    <phoneticPr fontId="1"/>
  </si>
  <si>
    <t>123</t>
    <phoneticPr fontId="1"/>
  </si>
  <si>
    <t>141</t>
    <phoneticPr fontId="1"/>
  </si>
  <si>
    <t>総合的研究　記述式答案の書き方　数学１・A・２・B</t>
    <rPh sb="0" eb="3">
      <t>ソウゴウテキ</t>
    </rPh>
    <rPh sb="3" eb="5">
      <t>ケンキュウ</t>
    </rPh>
    <rPh sb="6" eb="8">
      <t>キジュツ</t>
    </rPh>
    <rPh sb="8" eb="9">
      <t>シキ</t>
    </rPh>
    <rPh sb="9" eb="11">
      <t>トウアン</t>
    </rPh>
    <rPh sb="12" eb="13">
      <t>カ</t>
    </rPh>
    <rPh sb="14" eb="15">
      <t>カタ</t>
    </rPh>
    <rPh sb="16" eb="18">
      <t>スウガク</t>
    </rPh>
    <phoneticPr fontId="1"/>
  </si>
  <si>
    <t>横浜氷取沢</t>
    <rPh sb="0" eb="1">
      <t>ヨコ</t>
    </rPh>
    <rPh sb="1" eb="2">
      <t>ハマ</t>
    </rPh>
    <rPh sb="2" eb="5">
      <t>ヒトリザワ</t>
    </rPh>
    <phoneticPr fontId="1"/>
  </si>
  <si>
    <t>若い時に古典の良文にたくさん触れよう。</t>
    <rPh sb="0" eb="1">
      <t>ワカ</t>
    </rPh>
    <rPh sb="2" eb="3">
      <t>トキ</t>
    </rPh>
    <rPh sb="4" eb="6">
      <t>コテン</t>
    </rPh>
    <rPh sb="7" eb="8">
      <t>リョウ</t>
    </rPh>
    <rPh sb="8" eb="9">
      <t>ブン</t>
    </rPh>
    <rPh sb="14" eb="15">
      <t>フ</t>
    </rPh>
    <phoneticPr fontId="1"/>
  </si>
  <si>
    <t>法律は自分を守る力になります。子どもの日常生活の法律を解説しています。</t>
    <rPh sb="0" eb="2">
      <t>ホウリツ</t>
    </rPh>
    <rPh sb="3" eb="5">
      <t>ジブン</t>
    </rPh>
    <rPh sb="6" eb="7">
      <t>マモ</t>
    </rPh>
    <rPh sb="8" eb="9">
      <t>チカラ</t>
    </rPh>
    <rPh sb="15" eb="16">
      <t>コ</t>
    </rPh>
    <rPh sb="19" eb="21">
      <t>ニチジョウ</t>
    </rPh>
    <rPh sb="21" eb="23">
      <t>セイカツ</t>
    </rPh>
    <rPh sb="24" eb="26">
      <t>ホウリツ</t>
    </rPh>
    <rPh sb="27" eb="29">
      <t>カイセツ</t>
    </rPh>
    <phoneticPr fontId="1"/>
  </si>
  <si>
    <t>学者の視点から単にＡＩのみならず、近未来社会について幅広く冷静に分析しており、「人間の在り方」、「これからの人たちは何を考え、何をすべきか」についてもしっかり方向性を示しています。是非とも進路選択をする前に高校生に読ませたい一冊です。</t>
    <rPh sb="0" eb="2">
      <t>ガクシャ</t>
    </rPh>
    <rPh sb="3" eb="5">
      <t>シテン</t>
    </rPh>
    <rPh sb="7" eb="8">
      <t>タン</t>
    </rPh>
    <rPh sb="17" eb="20">
      <t>キンミライ</t>
    </rPh>
    <rPh sb="20" eb="22">
      <t>シャカイ</t>
    </rPh>
    <rPh sb="26" eb="28">
      <t>ハバヒロ</t>
    </rPh>
    <rPh sb="29" eb="31">
      <t>レイセイ</t>
    </rPh>
    <rPh sb="32" eb="34">
      <t>ブンセキ</t>
    </rPh>
    <rPh sb="40" eb="42">
      <t>ニンゲン</t>
    </rPh>
    <rPh sb="43" eb="44">
      <t>ア</t>
    </rPh>
    <rPh sb="45" eb="46">
      <t>カタ</t>
    </rPh>
    <rPh sb="54" eb="55">
      <t>ヒト</t>
    </rPh>
    <rPh sb="58" eb="59">
      <t>ナニ</t>
    </rPh>
    <rPh sb="60" eb="61">
      <t>カンガ</t>
    </rPh>
    <rPh sb="63" eb="64">
      <t>ナニ</t>
    </rPh>
    <rPh sb="79" eb="82">
      <t>ホウコウセイ</t>
    </rPh>
    <rPh sb="83" eb="84">
      <t>シメ</t>
    </rPh>
    <rPh sb="90" eb="92">
      <t>ゼヒ</t>
    </rPh>
    <rPh sb="94" eb="96">
      <t>シンロ</t>
    </rPh>
    <rPh sb="96" eb="98">
      <t>センタク</t>
    </rPh>
    <rPh sb="101" eb="102">
      <t>マエ</t>
    </rPh>
    <rPh sb="103" eb="106">
      <t>コウコウセイ</t>
    </rPh>
    <rPh sb="107" eb="108">
      <t>ヨ</t>
    </rPh>
    <rPh sb="112" eb="114">
      <t>イッサツ</t>
    </rPh>
    <phoneticPr fontId="1"/>
  </si>
  <si>
    <t>ニュートンから、フェルマーの最終定理を証明したワイルズまでの天才といわれる数学者たちの人生模様がかかれています。人間性が見えて面白いです。</t>
    <rPh sb="14" eb="16">
      <t>サイシュウ</t>
    </rPh>
    <rPh sb="16" eb="18">
      <t>テイリ</t>
    </rPh>
    <rPh sb="19" eb="21">
      <t>ショウメイ</t>
    </rPh>
    <rPh sb="30" eb="32">
      <t>テンサイ</t>
    </rPh>
    <rPh sb="37" eb="40">
      <t>スウガクシャ</t>
    </rPh>
    <rPh sb="43" eb="45">
      <t>ジンセイ</t>
    </rPh>
    <rPh sb="45" eb="47">
      <t>モヨウ</t>
    </rPh>
    <rPh sb="56" eb="59">
      <t>ニンゲンセイ</t>
    </rPh>
    <rPh sb="60" eb="61">
      <t>ミ</t>
    </rPh>
    <rPh sb="63" eb="65">
      <t>オモシロ</t>
    </rPh>
    <phoneticPr fontId="1"/>
  </si>
  <si>
    <t>“こんな本あったらいいな”というのがたくさん詰まっています。</t>
    <rPh sb="4" eb="5">
      <t>ホン</t>
    </rPh>
    <rPh sb="22" eb="23">
      <t>ツ</t>
    </rPh>
    <phoneticPr fontId="1"/>
  </si>
  <si>
    <t>コミュニケーションが苦手な人が、それを長所に変えていけます。</t>
    <rPh sb="10" eb="12">
      <t>ニガテ</t>
    </rPh>
    <rPh sb="13" eb="14">
      <t>ヒト</t>
    </rPh>
    <rPh sb="19" eb="21">
      <t>チョウショ</t>
    </rPh>
    <rPh sb="22" eb="23">
      <t>カ</t>
    </rPh>
    <phoneticPr fontId="1"/>
  </si>
  <si>
    <t>いじめ・不登校を経験した中川翔子さんが、十代のあなたに読んでほしいと綴ったメッセージです。</t>
    <rPh sb="4" eb="7">
      <t>フトウコウ</t>
    </rPh>
    <rPh sb="8" eb="10">
      <t>ケイケン</t>
    </rPh>
    <rPh sb="12" eb="14">
      <t>ナカガワ</t>
    </rPh>
    <rPh sb="14" eb="16">
      <t>ショウコ</t>
    </rPh>
    <rPh sb="20" eb="22">
      <t>ジュウダイ</t>
    </rPh>
    <rPh sb="27" eb="28">
      <t>ヨ</t>
    </rPh>
    <rPh sb="34" eb="35">
      <t>ツヅ</t>
    </rPh>
    <phoneticPr fontId="1"/>
  </si>
  <si>
    <t>人の一生をゲームに見立てています。説明書と攻略法。チュートリアル中の高校生に読んでもらい今後の「人生」が攻略できますように。</t>
    <phoneticPr fontId="1"/>
  </si>
  <si>
    <t>感情表現が苦手な高校2年生の主人公が恋をしたのはバイト先のファミレスの冴えないおじさん店長。夢を失くして「人生の雨宿り」をする２人の小さな恋の物語です。</t>
    <phoneticPr fontId="1"/>
  </si>
  <si>
    <t>「さわる」と「ふれる」の違いから始め、non-vervalコミュニケーションの一端をなかなか鋭く考察しています。コミュニケーションのあり方が大きく変わったコロナ禍の今だからこそ考えることも多く、「手当て」という言葉の本来の意味にも思いが至るでしょう。</t>
    <rPh sb="12" eb="13">
      <t>チガ</t>
    </rPh>
    <rPh sb="16" eb="17">
      <t>ハジ</t>
    </rPh>
    <rPh sb="39" eb="41">
      <t>イッタン</t>
    </rPh>
    <rPh sb="46" eb="47">
      <t>スルド</t>
    </rPh>
    <rPh sb="48" eb="50">
      <t>コウサツ</t>
    </rPh>
    <rPh sb="68" eb="69">
      <t>カタ</t>
    </rPh>
    <rPh sb="70" eb="71">
      <t>オオ</t>
    </rPh>
    <rPh sb="73" eb="74">
      <t>カ</t>
    </rPh>
    <rPh sb="80" eb="81">
      <t>カ</t>
    </rPh>
    <rPh sb="82" eb="83">
      <t>イマ</t>
    </rPh>
    <rPh sb="88" eb="89">
      <t>カンガ</t>
    </rPh>
    <rPh sb="94" eb="95">
      <t>オオ</t>
    </rPh>
    <rPh sb="98" eb="100">
      <t>テア</t>
    </rPh>
    <rPh sb="105" eb="107">
      <t>コトバ</t>
    </rPh>
    <rPh sb="108" eb="110">
      <t>ホンライ</t>
    </rPh>
    <rPh sb="111" eb="113">
      <t>イミ</t>
    </rPh>
    <rPh sb="115" eb="116">
      <t>オモ</t>
    </rPh>
    <rPh sb="118" eb="119">
      <t>イタ</t>
    </rPh>
    <phoneticPr fontId="1"/>
  </si>
  <si>
    <t>ちょっと読みづらいですが、韓国人の学者が命がけで書いた本です。</t>
    <rPh sb="4" eb="5">
      <t>ヨ</t>
    </rPh>
    <rPh sb="13" eb="15">
      <t>カンコク</t>
    </rPh>
    <rPh sb="15" eb="16">
      <t>ジン</t>
    </rPh>
    <rPh sb="17" eb="19">
      <t>ガクシャ</t>
    </rPh>
    <rPh sb="20" eb="21">
      <t>イノチ</t>
    </rPh>
    <rPh sb="24" eb="25">
      <t>カ</t>
    </rPh>
    <rPh sb="27" eb="28">
      <t>ホン</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4">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
      <sz val="10"/>
      <color indexed="62"/>
      <name val="ＭＳ Ｐゴシック"/>
      <family val="3"/>
      <charset val="128"/>
    </font>
    <font>
      <sz val="8"/>
      <color indexed="62"/>
      <name val="ＭＳ Ｐゴシック"/>
      <family val="3"/>
      <charset val="128"/>
    </font>
    <font>
      <sz val="11"/>
      <name val="ＭＳ Ｐゴシック"/>
      <family val="3"/>
      <charset val="128"/>
      <scheme val="min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20">
    <border>
      <left/>
      <right/>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diagonal/>
    </border>
    <border>
      <left style="hair">
        <color theme="0" tint="-0.499984740745262"/>
      </left>
      <right style="thin">
        <color theme="0" tint="-0.499984740745262"/>
      </right>
      <top style="thin">
        <color theme="0" tint="-0.499984740745262"/>
      </top>
      <bottom/>
      <diagonal/>
    </border>
    <border>
      <left style="thin">
        <color theme="0" tint="-0.499984740745262"/>
      </left>
      <right style="hair">
        <color theme="0" tint="-0.499984740745262"/>
      </right>
      <top style="thin">
        <color theme="0" tint="-0.499984740745262"/>
      </top>
      <bottom/>
      <diagonal/>
    </border>
  </borders>
  <cellStyleXfs count="1">
    <xf numFmtId="0" fontId="0" fillId="0" borderId="0"/>
  </cellStyleXfs>
  <cellXfs count="49">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4" xfId="0" applyFont="1" applyFill="1" applyBorder="1" applyAlignment="1">
      <alignment horizontal="center" vertical="center"/>
    </xf>
    <xf numFmtId="0" fontId="4" fillId="4" borderId="14" xfId="0" applyFont="1" applyFill="1" applyBorder="1" applyAlignment="1">
      <alignment horizontal="center" wrapText="1"/>
    </xf>
    <xf numFmtId="49" fontId="0" fillId="3" borderId="8" xfId="0" quotePrefix="1" applyNumberFormat="1" applyFont="1" applyFill="1" applyBorder="1" applyAlignment="1">
      <alignment horizontal="center" vertical="center"/>
    </xf>
    <xf numFmtId="49" fontId="0" fillId="3" borderId="8" xfId="0" applyNumberFormat="1" applyFont="1" applyFill="1" applyBorder="1" applyAlignment="1">
      <alignment horizontal="center" vertical="center"/>
    </xf>
    <xf numFmtId="49" fontId="0" fillId="3" borderId="5" xfId="0" applyNumberFormat="1" applyFont="1" applyFill="1" applyBorder="1" applyAlignment="1">
      <alignment horizontal="center" vertical="center"/>
    </xf>
    <xf numFmtId="49" fontId="4" fillId="3" borderId="11" xfId="0" quotePrefix="1" applyNumberFormat="1" applyFont="1" applyFill="1" applyBorder="1" applyAlignment="1">
      <alignment horizontal="center" vertical="center"/>
    </xf>
    <xf numFmtId="49" fontId="4" fillId="3" borderId="5" xfId="0" applyNumberFormat="1" applyFont="1" applyFill="1" applyBorder="1" applyAlignment="1">
      <alignment horizontal="center" vertical="center"/>
    </xf>
    <xf numFmtId="49" fontId="4" fillId="3" borderId="19" xfId="0" applyNumberFormat="1" applyFont="1" applyFill="1" applyBorder="1" applyAlignment="1">
      <alignment horizontal="center" vertical="center"/>
    </xf>
    <xf numFmtId="49" fontId="4" fillId="3" borderId="11" xfId="0" applyNumberFormat="1" applyFont="1" applyFill="1" applyBorder="1" applyAlignment="1">
      <alignment horizontal="center" vertical="center"/>
    </xf>
    <xf numFmtId="49" fontId="13" fillId="0" borderId="2" xfId="0" applyNumberFormat="1" applyFont="1" applyFill="1" applyBorder="1" applyAlignment="1">
      <alignment horizontal="center" vertical="center"/>
    </xf>
    <xf numFmtId="0" fontId="9" fillId="0" borderId="6" xfId="0" applyFont="1" applyFill="1" applyBorder="1" applyAlignment="1">
      <alignment vertical="center" wrapText="1"/>
    </xf>
    <xf numFmtId="176" fontId="10" fillId="0" borderId="6" xfId="0" applyNumberFormat="1" applyFont="1" applyFill="1" applyBorder="1" applyAlignment="1">
      <alignment vertical="center" wrapText="1"/>
    </xf>
    <xf numFmtId="176" fontId="10" fillId="0" borderId="7" xfId="0" applyNumberFormat="1" applyFont="1" applyFill="1" applyBorder="1" applyAlignment="1">
      <alignment vertical="center" wrapText="1"/>
    </xf>
    <xf numFmtId="0" fontId="6" fillId="0" borderId="8" xfId="0" applyFont="1" applyFill="1" applyBorder="1" applyAlignment="1">
      <alignment horizontal="left" vertical="top" wrapText="1"/>
    </xf>
    <xf numFmtId="0" fontId="6" fillId="0" borderId="9" xfId="0" applyFont="1" applyFill="1" applyBorder="1" applyAlignment="1">
      <alignment horizontal="left" vertical="top" wrapText="1"/>
    </xf>
    <xf numFmtId="0" fontId="6" fillId="0" borderId="10" xfId="0" applyFont="1" applyFill="1" applyBorder="1" applyAlignment="1">
      <alignment horizontal="left" vertical="top" wrapText="1"/>
    </xf>
    <xf numFmtId="176" fontId="12" fillId="0" borderId="6" xfId="0" applyNumberFormat="1" applyFont="1" applyFill="1" applyBorder="1" applyAlignment="1">
      <alignment vertical="center" wrapText="1"/>
    </xf>
    <xf numFmtId="176" fontId="12" fillId="0" borderId="7" xfId="0" applyNumberFormat="1" applyFont="1" applyFill="1" applyBorder="1" applyAlignment="1">
      <alignment vertical="center" wrapText="1"/>
    </xf>
    <xf numFmtId="0" fontId="9" fillId="0" borderId="12" xfId="0" applyFont="1" applyFill="1" applyBorder="1" applyAlignment="1">
      <alignment vertical="center" wrapText="1"/>
    </xf>
    <xf numFmtId="176" fontId="10" fillId="0" borderId="12" xfId="0" applyNumberFormat="1" applyFont="1" applyFill="1" applyBorder="1" applyAlignment="1">
      <alignment vertical="center" wrapText="1"/>
    </xf>
    <xf numFmtId="176" fontId="10" fillId="0" borderId="13" xfId="0" applyNumberFormat="1" applyFont="1" applyFill="1" applyBorder="1" applyAlignment="1">
      <alignment vertical="center" wrapText="1"/>
    </xf>
    <xf numFmtId="0" fontId="13" fillId="0" borderId="1" xfId="0" applyFont="1" applyFill="1" applyBorder="1" applyAlignment="1">
      <alignment horizontal="center" vertical="center"/>
    </xf>
    <xf numFmtId="0" fontId="13" fillId="0" borderId="3" xfId="0" applyFont="1" applyFill="1" applyBorder="1" applyAlignment="1">
      <alignment horizontal="center" vertical="center"/>
    </xf>
    <xf numFmtId="0" fontId="4" fillId="5" borderId="4" xfId="0" applyFont="1" applyFill="1" applyBorder="1" applyAlignment="1">
      <alignment horizontal="center" vertical="center" wrapText="1"/>
    </xf>
    <xf numFmtId="0" fontId="4" fillId="5" borderId="4" xfId="0" applyFont="1" applyFill="1" applyBorder="1" applyAlignment="1">
      <alignment horizontal="center" wrapText="1"/>
    </xf>
    <xf numFmtId="0" fontId="4" fillId="5" borderId="4" xfId="0" applyFont="1" applyFill="1" applyBorder="1" applyAlignment="1">
      <alignment horizontal="center"/>
    </xf>
    <xf numFmtId="0" fontId="11" fillId="0" borderId="6" xfId="0" applyFont="1" applyFill="1" applyBorder="1" applyAlignment="1">
      <alignment vertical="center" wrapText="1"/>
    </xf>
    <xf numFmtId="0" fontId="8" fillId="5" borderId="15" xfId="0" applyFont="1" applyFill="1" applyBorder="1" applyAlignment="1">
      <alignment horizontal="center" vertical="center"/>
    </xf>
    <xf numFmtId="0" fontId="8" fillId="5" borderId="15" xfId="0" applyFont="1" applyFill="1" applyBorder="1" applyAlignment="1">
      <alignment horizontal="left" vertical="center" wrapText="1"/>
    </xf>
    <xf numFmtId="0" fontId="8" fillId="5" borderId="15" xfId="0" applyFont="1" applyFill="1" applyBorder="1" applyAlignment="1">
      <alignment horizontal="left" vertical="center"/>
    </xf>
    <xf numFmtId="0" fontId="8" fillId="5" borderId="16" xfId="0" applyFont="1" applyFill="1" applyBorder="1" applyAlignment="1">
      <alignment horizontal="left" vertical="center"/>
    </xf>
    <xf numFmtId="0" fontId="9" fillId="0" borderId="17" xfId="0" applyFont="1" applyFill="1" applyBorder="1" applyAlignment="1">
      <alignment vertical="center" wrapText="1"/>
    </xf>
    <xf numFmtId="176" fontId="10" fillId="0" borderId="17" xfId="0" applyNumberFormat="1" applyFont="1" applyFill="1" applyBorder="1" applyAlignment="1">
      <alignment vertical="center" wrapText="1"/>
    </xf>
    <xf numFmtId="176" fontId="10" fillId="0" borderId="18" xfId="0" applyNumberFormat="1" applyFont="1" applyFill="1" applyBorder="1" applyAlignment="1">
      <alignment vertical="center" wrapText="1"/>
    </xf>
    <xf numFmtId="0" fontId="3" fillId="5" borderId="0" xfId="0" applyFont="1" applyFill="1" applyBorder="1" applyAlignment="1">
      <alignment horizontal="center"/>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8"/>
  <sheetViews>
    <sheetView tabSelected="1" view="pageBreakPreview" topLeftCell="A15" zoomScaleNormal="100" zoomScaleSheetLayoutView="100" workbookViewId="0">
      <selection activeCell="N18" sqref="N18"/>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48" t="s">
        <v>797</v>
      </c>
      <c r="D1" s="48"/>
      <c r="E1" s="48"/>
      <c r="F1" s="48"/>
      <c r="G1" s="48"/>
      <c r="H1" s="48"/>
      <c r="I1" s="48"/>
      <c r="J1" s="48"/>
      <c r="K1" s="4"/>
      <c r="L1" s="4"/>
    </row>
    <row r="2" spans="1:12" ht="18" customHeight="1">
      <c r="A2" s="7"/>
      <c r="B2" s="8"/>
      <c r="C2" s="9"/>
      <c r="D2" s="9"/>
      <c r="E2" s="9"/>
      <c r="F2" s="9"/>
      <c r="G2" s="9"/>
      <c r="H2" s="7"/>
      <c r="I2" s="7"/>
      <c r="J2" s="7"/>
      <c r="K2" s="7"/>
      <c r="L2" s="7"/>
    </row>
    <row r="3" spans="1:12" ht="35.1" customHeight="1">
      <c r="A3" s="7"/>
      <c r="B3" s="14" t="s">
        <v>5</v>
      </c>
      <c r="C3" s="35" t="s">
        <v>885</v>
      </c>
      <c r="D3" s="36"/>
      <c r="E3" s="37" t="s">
        <v>872</v>
      </c>
      <c r="F3" s="37"/>
      <c r="G3" s="38" t="s">
        <v>796</v>
      </c>
      <c r="H3" s="39"/>
      <c r="I3" s="23" t="s">
        <v>798</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27" t="s">
        <v>799</v>
      </c>
      <c r="C6" s="28"/>
      <c r="D6" s="28"/>
      <c r="E6" s="28"/>
      <c r="F6" s="28"/>
      <c r="G6" s="28"/>
      <c r="H6" s="28"/>
      <c r="I6" s="28"/>
      <c r="J6" s="28"/>
      <c r="K6" s="29"/>
      <c r="L6" s="7"/>
    </row>
    <row r="7" spans="1:12">
      <c r="A7" s="7"/>
      <c r="B7" s="11"/>
      <c r="C7" s="7"/>
      <c r="D7" s="7"/>
      <c r="E7" s="12"/>
      <c r="F7" s="7"/>
      <c r="G7" s="7"/>
      <c r="H7" s="7"/>
      <c r="I7" s="7"/>
      <c r="J7" s="7"/>
      <c r="K7" s="7"/>
      <c r="L7" s="7"/>
    </row>
    <row r="8" spans="1:12" ht="54.75" customHeight="1" thickBot="1">
      <c r="A8" s="7"/>
      <c r="B8" s="15" t="s">
        <v>3</v>
      </c>
      <c r="C8" s="41" t="s">
        <v>0</v>
      </c>
      <c r="D8" s="41"/>
      <c r="E8" s="41" t="s">
        <v>2</v>
      </c>
      <c r="F8" s="41"/>
      <c r="G8" s="41" t="s">
        <v>1</v>
      </c>
      <c r="H8" s="41"/>
      <c r="I8" s="42" t="s">
        <v>4</v>
      </c>
      <c r="J8" s="43"/>
      <c r="K8" s="44"/>
      <c r="L8" s="7"/>
    </row>
    <row r="9" spans="1:12" ht="30" customHeight="1" thickTop="1">
      <c r="A9" s="13">
        <v>1</v>
      </c>
      <c r="B9" s="19" t="s">
        <v>882</v>
      </c>
      <c r="C9" s="32" t="s">
        <v>800</v>
      </c>
      <c r="D9" s="32"/>
      <c r="E9" s="32" t="s">
        <v>801</v>
      </c>
      <c r="F9" s="32"/>
      <c r="G9" s="32" t="s">
        <v>802</v>
      </c>
      <c r="H9" s="32"/>
      <c r="I9" s="33" t="s">
        <v>886</v>
      </c>
      <c r="J9" s="33"/>
      <c r="K9" s="34"/>
      <c r="L9" s="7"/>
    </row>
    <row r="10" spans="1:12" ht="66" customHeight="1">
      <c r="A10" s="13">
        <v>2</v>
      </c>
      <c r="B10" s="20" t="s">
        <v>883</v>
      </c>
      <c r="C10" s="24" t="s">
        <v>803</v>
      </c>
      <c r="D10" s="24"/>
      <c r="E10" s="24" t="s">
        <v>804</v>
      </c>
      <c r="F10" s="24"/>
      <c r="G10" s="24" t="s">
        <v>805</v>
      </c>
      <c r="H10" s="24"/>
      <c r="I10" s="25" t="s">
        <v>895</v>
      </c>
      <c r="J10" s="25"/>
      <c r="K10" s="26"/>
      <c r="L10" s="7"/>
    </row>
    <row r="11" spans="1:12" ht="36.75" customHeight="1">
      <c r="A11" s="13">
        <v>3</v>
      </c>
      <c r="B11" s="20" t="s">
        <v>880</v>
      </c>
      <c r="C11" s="24" t="s">
        <v>884</v>
      </c>
      <c r="D11" s="24"/>
      <c r="E11" s="24" t="s">
        <v>806</v>
      </c>
      <c r="F11" s="24"/>
      <c r="G11" s="24" t="s">
        <v>807</v>
      </c>
      <c r="H11" s="24"/>
      <c r="I11" s="25" t="s">
        <v>808</v>
      </c>
      <c r="J11" s="25"/>
      <c r="K11" s="26"/>
      <c r="L11" s="7"/>
    </row>
    <row r="12" spans="1:12" ht="30" customHeight="1">
      <c r="A12" s="13">
        <v>4</v>
      </c>
      <c r="B12" s="21" t="s">
        <v>878</v>
      </c>
      <c r="C12" s="45" t="s">
        <v>809</v>
      </c>
      <c r="D12" s="45"/>
      <c r="E12" s="45" t="s">
        <v>810</v>
      </c>
      <c r="F12" s="45"/>
      <c r="G12" s="45" t="s">
        <v>811</v>
      </c>
      <c r="H12" s="45"/>
      <c r="I12" s="46" t="s">
        <v>887</v>
      </c>
      <c r="J12" s="46"/>
      <c r="K12" s="47"/>
      <c r="L12" s="7"/>
    </row>
    <row r="13" spans="1:12" ht="66" customHeight="1">
      <c r="A13" s="13">
        <v>5</v>
      </c>
      <c r="B13" s="16" t="s">
        <v>812</v>
      </c>
      <c r="C13" s="40" t="s">
        <v>813</v>
      </c>
      <c r="D13" s="40"/>
      <c r="E13" s="40" t="s">
        <v>814</v>
      </c>
      <c r="F13" s="40"/>
      <c r="G13" s="40" t="s">
        <v>815</v>
      </c>
      <c r="H13" s="40"/>
      <c r="I13" s="30" t="s">
        <v>888</v>
      </c>
      <c r="J13" s="30"/>
      <c r="K13" s="31"/>
      <c r="L13" s="7"/>
    </row>
    <row r="14" spans="1:12" ht="45" customHeight="1">
      <c r="A14" s="13">
        <v>6</v>
      </c>
      <c r="B14" s="17" t="s">
        <v>816</v>
      </c>
      <c r="C14" s="40" t="s">
        <v>817</v>
      </c>
      <c r="D14" s="40"/>
      <c r="E14" s="40" t="s">
        <v>818</v>
      </c>
      <c r="F14" s="40"/>
      <c r="G14" s="40" t="s">
        <v>819</v>
      </c>
      <c r="H14" s="40"/>
      <c r="I14" s="30" t="s">
        <v>889</v>
      </c>
      <c r="J14" s="30"/>
      <c r="K14" s="31"/>
      <c r="L14" s="7"/>
    </row>
    <row r="15" spans="1:12" ht="30" customHeight="1">
      <c r="A15" s="13">
        <v>7</v>
      </c>
      <c r="B15" s="17" t="s">
        <v>820</v>
      </c>
      <c r="C15" s="40" t="s">
        <v>821</v>
      </c>
      <c r="D15" s="40"/>
      <c r="E15" s="40" t="s">
        <v>822</v>
      </c>
      <c r="F15" s="40"/>
      <c r="G15" s="40" t="s">
        <v>823</v>
      </c>
      <c r="H15" s="40"/>
      <c r="I15" s="30" t="s">
        <v>890</v>
      </c>
      <c r="J15" s="30"/>
      <c r="K15" s="31"/>
      <c r="L15" s="7"/>
    </row>
    <row r="16" spans="1:12" ht="30" customHeight="1">
      <c r="A16" s="13">
        <v>8</v>
      </c>
      <c r="B16" s="17" t="s">
        <v>824</v>
      </c>
      <c r="C16" s="40" t="s">
        <v>825</v>
      </c>
      <c r="D16" s="40"/>
      <c r="E16" s="40" t="s">
        <v>826</v>
      </c>
      <c r="F16" s="40"/>
      <c r="G16" s="40" t="s">
        <v>827</v>
      </c>
      <c r="H16" s="40"/>
      <c r="I16" s="30" t="s">
        <v>891</v>
      </c>
      <c r="J16" s="30"/>
      <c r="K16" s="31"/>
      <c r="L16" s="7"/>
    </row>
    <row r="17" spans="1:12" ht="30" customHeight="1">
      <c r="A17" s="13">
        <v>9</v>
      </c>
      <c r="B17" s="17" t="s">
        <v>828</v>
      </c>
      <c r="C17" s="40" t="s">
        <v>829</v>
      </c>
      <c r="D17" s="40"/>
      <c r="E17" s="40" t="s">
        <v>830</v>
      </c>
      <c r="F17" s="40"/>
      <c r="G17" s="40" t="s">
        <v>831</v>
      </c>
      <c r="H17" s="40"/>
      <c r="I17" s="30" t="s">
        <v>896</v>
      </c>
      <c r="J17" s="30"/>
      <c r="K17" s="31"/>
      <c r="L17" s="7"/>
    </row>
    <row r="18" spans="1:12" ht="30" customHeight="1">
      <c r="A18" s="13">
        <v>10</v>
      </c>
      <c r="B18" s="17" t="s">
        <v>832</v>
      </c>
      <c r="C18" s="40" t="s">
        <v>833</v>
      </c>
      <c r="D18" s="40"/>
      <c r="E18" s="40" t="s">
        <v>834</v>
      </c>
      <c r="F18" s="40"/>
      <c r="G18" s="40" t="s">
        <v>831</v>
      </c>
      <c r="H18" s="40"/>
      <c r="I18" s="30" t="s">
        <v>892</v>
      </c>
      <c r="J18" s="30"/>
      <c r="K18" s="31"/>
      <c r="L18" s="7"/>
    </row>
    <row r="19" spans="1:12" ht="57" customHeight="1">
      <c r="A19" s="13">
        <v>11</v>
      </c>
      <c r="B19" s="18" t="s">
        <v>820</v>
      </c>
      <c r="C19" s="40" t="s">
        <v>835</v>
      </c>
      <c r="D19" s="40"/>
      <c r="E19" s="40" t="s">
        <v>836</v>
      </c>
      <c r="F19" s="40"/>
      <c r="G19" s="40" t="s">
        <v>837</v>
      </c>
      <c r="H19" s="40"/>
      <c r="I19" s="30" t="s">
        <v>838</v>
      </c>
      <c r="J19" s="30"/>
      <c r="K19" s="31"/>
      <c r="L19" s="7"/>
    </row>
    <row r="20" spans="1:12" ht="66" customHeight="1">
      <c r="A20" s="13">
        <v>12</v>
      </c>
      <c r="B20" s="22" t="s">
        <v>878</v>
      </c>
      <c r="C20" s="32" t="s">
        <v>839</v>
      </c>
      <c r="D20" s="32"/>
      <c r="E20" s="32" t="s">
        <v>840</v>
      </c>
      <c r="F20" s="32"/>
      <c r="G20" s="32" t="s">
        <v>841</v>
      </c>
      <c r="H20" s="32"/>
      <c r="I20" s="33" t="s">
        <v>842</v>
      </c>
      <c r="J20" s="33"/>
      <c r="K20" s="34"/>
      <c r="L20" s="7"/>
    </row>
    <row r="21" spans="1:12" ht="57" customHeight="1">
      <c r="A21" s="13">
        <v>13</v>
      </c>
      <c r="B21" s="20" t="s">
        <v>879</v>
      </c>
      <c r="C21" s="24" t="s">
        <v>843</v>
      </c>
      <c r="D21" s="24"/>
      <c r="E21" s="24" t="s">
        <v>844</v>
      </c>
      <c r="F21" s="24"/>
      <c r="G21" s="24" t="s">
        <v>845</v>
      </c>
      <c r="H21" s="24"/>
      <c r="I21" s="25" t="s">
        <v>846</v>
      </c>
      <c r="J21" s="25"/>
      <c r="K21" s="26"/>
      <c r="L21" s="7"/>
    </row>
    <row r="22" spans="1:12" ht="45" customHeight="1">
      <c r="A22" s="13">
        <v>14</v>
      </c>
      <c r="B22" s="20" t="s">
        <v>874</v>
      </c>
      <c r="C22" s="24" t="s">
        <v>847</v>
      </c>
      <c r="D22" s="24"/>
      <c r="E22" s="24" t="s">
        <v>848</v>
      </c>
      <c r="F22" s="24"/>
      <c r="G22" s="24" t="s">
        <v>849</v>
      </c>
      <c r="H22" s="24"/>
      <c r="I22" s="25" t="s">
        <v>850</v>
      </c>
      <c r="J22" s="25"/>
      <c r="K22" s="26"/>
      <c r="L22" s="7"/>
    </row>
    <row r="23" spans="1:12" ht="36.75" customHeight="1">
      <c r="A23" s="13">
        <v>15</v>
      </c>
      <c r="B23" s="20" t="s">
        <v>880</v>
      </c>
      <c r="C23" s="24" t="s">
        <v>851</v>
      </c>
      <c r="D23" s="24"/>
      <c r="E23" s="24" t="s">
        <v>852</v>
      </c>
      <c r="F23" s="24"/>
      <c r="G23" s="24" t="s">
        <v>853</v>
      </c>
      <c r="H23" s="24"/>
      <c r="I23" s="25" t="s">
        <v>854</v>
      </c>
      <c r="J23" s="25"/>
      <c r="K23" s="26"/>
      <c r="L23" s="7"/>
    </row>
    <row r="24" spans="1:12" ht="66" customHeight="1">
      <c r="A24" s="13">
        <v>16</v>
      </c>
      <c r="B24" s="20" t="s">
        <v>881</v>
      </c>
      <c r="C24" s="24" t="s">
        <v>855</v>
      </c>
      <c r="D24" s="24"/>
      <c r="E24" s="24" t="s">
        <v>856</v>
      </c>
      <c r="F24" s="24"/>
      <c r="G24" s="24" t="s">
        <v>857</v>
      </c>
      <c r="H24" s="24"/>
      <c r="I24" s="25" t="s">
        <v>873</v>
      </c>
      <c r="J24" s="25"/>
      <c r="K24" s="26"/>
      <c r="L24" s="7"/>
    </row>
    <row r="25" spans="1:12" ht="36.75" customHeight="1">
      <c r="A25" s="13">
        <v>17</v>
      </c>
      <c r="B25" s="20" t="s">
        <v>877</v>
      </c>
      <c r="C25" s="24" t="s">
        <v>858</v>
      </c>
      <c r="D25" s="24"/>
      <c r="E25" s="24" t="s">
        <v>859</v>
      </c>
      <c r="F25" s="24"/>
      <c r="G25" s="24" t="s">
        <v>860</v>
      </c>
      <c r="H25" s="24"/>
      <c r="I25" s="25" t="s">
        <v>893</v>
      </c>
      <c r="J25" s="25"/>
      <c r="K25" s="26"/>
      <c r="L25" s="7"/>
    </row>
    <row r="26" spans="1:12" ht="36.75" customHeight="1">
      <c r="A26" s="13">
        <v>18</v>
      </c>
      <c r="B26" s="20" t="s">
        <v>876</v>
      </c>
      <c r="C26" s="24" t="s">
        <v>861</v>
      </c>
      <c r="D26" s="24"/>
      <c r="E26" s="24" t="s">
        <v>862</v>
      </c>
      <c r="F26" s="24"/>
      <c r="G26" s="24" t="s">
        <v>863</v>
      </c>
      <c r="H26" s="24"/>
      <c r="I26" s="25" t="s">
        <v>864</v>
      </c>
      <c r="J26" s="25"/>
      <c r="K26" s="26"/>
      <c r="L26" s="7"/>
    </row>
    <row r="27" spans="1:12" ht="45" customHeight="1">
      <c r="A27" s="13">
        <v>19</v>
      </c>
      <c r="B27" s="20" t="s">
        <v>875</v>
      </c>
      <c r="C27" s="24" t="s">
        <v>865</v>
      </c>
      <c r="D27" s="24"/>
      <c r="E27" s="24" t="s">
        <v>866</v>
      </c>
      <c r="F27" s="24"/>
      <c r="G27" s="24" t="s">
        <v>867</v>
      </c>
      <c r="H27" s="24"/>
      <c r="I27" s="25" t="s">
        <v>868</v>
      </c>
      <c r="J27" s="25"/>
      <c r="K27" s="26"/>
      <c r="L27" s="7"/>
    </row>
    <row r="28" spans="1:12" ht="45" customHeight="1">
      <c r="A28" s="13">
        <v>20</v>
      </c>
      <c r="B28" s="20" t="s">
        <v>874</v>
      </c>
      <c r="C28" s="24" t="s">
        <v>869</v>
      </c>
      <c r="D28" s="24"/>
      <c r="E28" s="24" t="s">
        <v>870</v>
      </c>
      <c r="F28" s="24"/>
      <c r="G28" s="24" t="s">
        <v>871</v>
      </c>
      <c r="H28" s="24"/>
      <c r="I28" s="25" t="s">
        <v>894</v>
      </c>
      <c r="J28" s="25"/>
      <c r="K28" s="26"/>
      <c r="L28" s="7"/>
    </row>
  </sheetData>
  <mergeCells count="89">
    <mergeCell ref="C1:J1"/>
    <mergeCell ref="C17:D17"/>
    <mergeCell ref="E17:F17"/>
    <mergeCell ref="G17:H17"/>
    <mergeCell ref="I17:K17"/>
    <mergeCell ref="C16:D16"/>
    <mergeCell ref="E16:F16"/>
    <mergeCell ref="G16:H16"/>
    <mergeCell ref="I16:K16"/>
    <mergeCell ref="C15:D15"/>
    <mergeCell ref="E15:F15"/>
    <mergeCell ref="G15:H15"/>
    <mergeCell ref="I15:K15"/>
    <mergeCell ref="C14:D14"/>
    <mergeCell ref="E14:F14"/>
    <mergeCell ref="G14:H14"/>
    <mergeCell ref="I11:K11"/>
    <mergeCell ref="I14:K14"/>
    <mergeCell ref="C12:D12"/>
    <mergeCell ref="E12:F12"/>
    <mergeCell ref="G12:H12"/>
    <mergeCell ref="I12:K12"/>
    <mergeCell ref="C13:D13"/>
    <mergeCell ref="E13:F13"/>
    <mergeCell ref="G13:H13"/>
    <mergeCell ref="I13:K13"/>
    <mergeCell ref="I8:K8"/>
    <mergeCell ref="C18:D18"/>
    <mergeCell ref="E18:F18"/>
    <mergeCell ref="G18:H18"/>
    <mergeCell ref="I18:K18"/>
    <mergeCell ref="C9:D9"/>
    <mergeCell ref="E9:F9"/>
    <mergeCell ref="G9:H9"/>
    <mergeCell ref="I9:K9"/>
    <mergeCell ref="C10:D10"/>
    <mergeCell ref="E10:F10"/>
    <mergeCell ref="G10:H10"/>
    <mergeCell ref="I10:K10"/>
    <mergeCell ref="C11:D11"/>
    <mergeCell ref="E11:F11"/>
    <mergeCell ref="G11:H11"/>
    <mergeCell ref="C3:D3"/>
    <mergeCell ref="E3:F3"/>
    <mergeCell ref="G3:H3"/>
    <mergeCell ref="C19:D19"/>
    <mergeCell ref="E19:F19"/>
    <mergeCell ref="G19:H19"/>
    <mergeCell ref="C8:D8"/>
    <mergeCell ref="E8:F8"/>
    <mergeCell ref="G8:H8"/>
    <mergeCell ref="G23:H23"/>
    <mergeCell ref="I19:K19"/>
    <mergeCell ref="C22:D22"/>
    <mergeCell ref="E22:F22"/>
    <mergeCell ref="G22:H22"/>
    <mergeCell ref="I22:K22"/>
    <mergeCell ref="C20:D20"/>
    <mergeCell ref="I20:K20"/>
    <mergeCell ref="I21:K21"/>
    <mergeCell ref="E20:F20"/>
    <mergeCell ref="G20:H20"/>
    <mergeCell ref="C21:D21"/>
    <mergeCell ref="E21:F21"/>
    <mergeCell ref="G21:H21"/>
    <mergeCell ref="C25:D25"/>
    <mergeCell ref="E25:F25"/>
    <mergeCell ref="G25:H25"/>
    <mergeCell ref="B6:K6"/>
    <mergeCell ref="C26:D26"/>
    <mergeCell ref="E26:F26"/>
    <mergeCell ref="G26:H26"/>
    <mergeCell ref="I26:K26"/>
    <mergeCell ref="I25:K25"/>
    <mergeCell ref="I23:K23"/>
    <mergeCell ref="E24:F24"/>
    <mergeCell ref="C24:D24"/>
    <mergeCell ref="C23:D23"/>
    <mergeCell ref="G24:H24"/>
    <mergeCell ref="I24:K24"/>
    <mergeCell ref="E23:F23"/>
    <mergeCell ref="C28:D28"/>
    <mergeCell ref="E28:F28"/>
    <mergeCell ref="G28:H28"/>
    <mergeCell ref="I28:K28"/>
    <mergeCell ref="C27:D27"/>
    <mergeCell ref="E27:F27"/>
    <mergeCell ref="G27:H27"/>
    <mergeCell ref="I27:K27"/>
  </mergeCells>
  <phoneticPr fontId="1"/>
  <dataValidations count="1">
    <dataValidation imeMode="hiragana" allowBlank="1" showInputMessage="1" showErrorMessage="1" sqref="B6"/>
  </dataValidations>
  <pageMargins left="0.7" right="0.7" top="0.75" bottom="0.75" header="0.3" footer="0.3"/>
  <pageSetup paperSize="9" scale="71" orientation="portrait" horizontalDpi="4294967294"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4-20T05:48:21Z</cp:lastPrinted>
  <dcterms:created xsi:type="dcterms:W3CDTF">2004-01-30T10:40:15Z</dcterms:created>
  <dcterms:modified xsi:type="dcterms:W3CDTF">2021-08-20T07:28:54Z</dcterms:modified>
</cp:coreProperties>
</file>